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0" yWindow="0" windowWidth="14390" windowHeight="12760"/>
  </bookViews>
  <sheets>
    <sheet name="同行" sheetId="1" r:id="rId1"/>
  </sheets>
  <definedNames>
    <definedName name="_xlnm.Print_Area" localSheetId="0">同行!$A$1:$J$107</definedName>
  </definedNames>
  <calcPr calcId="152511"/>
</workbook>
</file>

<file path=xl/sharedStrings.xml><?xml version="1.0" encoding="utf-8"?>
<sst xmlns="http://schemas.openxmlformats.org/spreadsheetml/2006/main" count="124" uniqueCount="86">
  <si>
    <t>３　事業所の名称</t>
    <rPh sb="2" eb="5">
      <t>ジギョウショ</t>
    </rPh>
    <rPh sb="6" eb="8">
      <t>メイショウ</t>
    </rPh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〒</t>
    <phoneticPr fontId="2"/>
  </si>
  <si>
    <t>ＴＥＬ</t>
    <phoneticPr fontId="2"/>
  </si>
  <si>
    <t>ＦＡＸ</t>
    <phoneticPr fontId="2"/>
  </si>
  <si>
    <t>　　の氏名</t>
    <phoneticPr fontId="2"/>
  </si>
  <si>
    <t>あり</t>
  </si>
  <si>
    <t>なし</t>
  </si>
  <si>
    <t>人（常勤</t>
    <rPh sb="0" eb="1">
      <t>ヒト</t>
    </rPh>
    <rPh sb="2" eb="4">
      <t>ジョウキン</t>
    </rPh>
    <phoneticPr fontId="2"/>
  </si>
  <si>
    <t xml:space="preserve">      人</t>
    <rPh sb="6" eb="7">
      <t>ヒト</t>
    </rPh>
    <phoneticPr fontId="2"/>
  </si>
  <si>
    <t>非常勤</t>
    <rPh sb="0" eb="3">
      <t>ヒジョウキン</t>
    </rPh>
    <phoneticPr fontId="2"/>
  </si>
  <si>
    <t>）</t>
    <phoneticPr fontId="2"/>
  </si>
  <si>
    <t>【同行援護】</t>
    <rPh sb="1" eb="3">
      <t>ドウコウ</t>
    </rPh>
    <phoneticPr fontId="2"/>
  </si>
  <si>
    <t>あり（ Ⅰ・Ⅱ・Ⅲ・Ⅳ ）</t>
    <phoneticPr fontId="2"/>
  </si>
  <si>
    <t>あり</t>
    <phoneticPr fontId="2"/>
  </si>
  <si>
    <t>なし</t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あり</t>
    <phoneticPr fontId="2"/>
  </si>
  <si>
    <t>なし</t>
    <phoneticPr fontId="2"/>
  </si>
  <si>
    <t>　(1) 盲ろう者向け通訳・介助員が身体障害者</t>
    <rPh sb="5" eb="6">
      <t>モウ</t>
    </rPh>
    <rPh sb="8" eb="9">
      <t>シャ</t>
    </rPh>
    <rPh sb="9" eb="10">
      <t>ム</t>
    </rPh>
    <rPh sb="11" eb="13">
      <t>ツウヤク</t>
    </rPh>
    <rPh sb="14" eb="16">
      <t>カイジョ</t>
    </rPh>
    <rPh sb="16" eb="17">
      <t>イン</t>
    </rPh>
    <rPh sb="18" eb="20">
      <t>シンタイ</t>
    </rPh>
    <rPh sb="20" eb="23">
      <t>ショウガイシャ</t>
    </rPh>
    <phoneticPr fontId="2"/>
  </si>
  <si>
    <t>　　障害程度等級表の６級に相当する者を支援</t>
    <rPh sb="17" eb="18">
      <t>モノ</t>
    </rPh>
    <rPh sb="19" eb="21">
      <t>シエン</t>
    </rPh>
    <phoneticPr fontId="2"/>
  </si>
  <si>
    <t>　　した場合の加算</t>
    <rPh sb="4" eb="6">
      <t>バアイ</t>
    </rPh>
    <rPh sb="7" eb="9">
      <t>カサン</t>
    </rPh>
    <phoneticPr fontId="2"/>
  </si>
  <si>
    <t>　★　次の資料を添付してください。</t>
    <rPh sb="3" eb="4">
      <t>ツギ</t>
    </rPh>
    <rPh sb="5" eb="7">
      <t>シリョウ</t>
    </rPh>
    <rPh sb="8" eb="10">
      <t>テンプ</t>
    </rPh>
    <phoneticPr fontId="2"/>
  </si>
  <si>
    <t>○</t>
    <phoneticPr fontId="2"/>
  </si>
  <si>
    <t>○</t>
    <phoneticPr fontId="2"/>
  </si>
  <si>
    <t>○</t>
    <phoneticPr fontId="2"/>
  </si>
  <si>
    <t>契約書（様式）</t>
    <rPh sb="0" eb="3">
      <t>ケイヤクショ</t>
    </rPh>
    <rPh sb="4" eb="6">
      <t>ヨウシキ</t>
    </rPh>
    <phoneticPr fontId="2"/>
  </si>
  <si>
    <t>重要事項説明書（様式）</t>
    <rPh sb="0" eb="2">
      <t>ジュウヨウ</t>
    </rPh>
    <rPh sb="2" eb="4">
      <t>ジコウ</t>
    </rPh>
    <rPh sb="4" eb="7">
      <t>セツメイショ</t>
    </rPh>
    <rPh sb="8" eb="10">
      <t>ヨウシキ</t>
    </rPh>
    <phoneticPr fontId="2"/>
  </si>
  <si>
    <t>運営規程</t>
    <rPh sb="0" eb="2">
      <t>ウンエイ</t>
    </rPh>
    <rPh sb="2" eb="4">
      <t>キテイ</t>
    </rPh>
    <phoneticPr fontId="2"/>
  </si>
  <si>
    <t>同行援護計画（氏名等個人を特定するものは消してください。）</t>
    <rPh sb="0" eb="2">
      <t>ドウコウ</t>
    </rPh>
    <rPh sb="2" eb="4">
      <t>エンゴ</t>
    </rPh>
    <rPh sb="4" eb="6">
      <t>ケイカク</t>
    </rPh>
    <phoneticPr fontId="2"/>
  </si>
  <si>
    <t>アセスメント票（様式）</t>
    <rPh sb="6" eb="7">
      <t>ヒョウ</t>
    </rPh>
    <rPh sb="8" eb="10">
      <t>ヨウシキ</t>
    </rPh>
    <phoneticPr fontId="2"/>
  </si>
  <si>
    <t>職員の一覧表</t>
    <rPh sb="0" eb="2">
      <t>ショクイン</t>
    </rPh>
    <rPh sb="3" eb="5">
      <t>イチラン</t>
    </rPh>
    <rPh sb="5" eb="6">
      <t>ヒョウ</t>
    </rPh>
    <phoneticPr fontId="2"/>
  </si>
  <si>
    <t>○</t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○</t>
    <phoneticPr fontId="2"/>
  </si>
  <si>
    <t>事務所図面</t>
    <rPh sb="0" eb="2">
      <t>ジム</t>
    </rPh>
    <rPh sb="2" eb="3">
      <t>ショ</t>
    </rPh>
    <rPh sb="3" eb="5">
      <t>ズメン</t>
    </rPh>
    <phoneticPr fontId="2"/>
  </si>
  <si>
    <t>パンフレット等</t>
    <rPh sb="6" eb="7">
      <t>トウ</t>
    </rPh>
    <phoneticPr fontId="2"/>
  </si>
  <si>
    <t>【居宅介護　重度訪問介護　行動援護　同行援護　共生型居宅介護　共生型重度訪問介護】 (運営編）</t>
    <rPh sb="23" eb="26">
      <t>キョウセイガタ</t>
    </rPh>
    <rPh sb="26" eb="28">
      <t>キョタク</t>
    </rPh>
    <rPh sb="28" eb="30">
      <t>カイゴ</t>
    </rPh>
    <rPh sb="31" eb="34">
      <t>キョウセイガタ</t>
    </rPh>
    <rPh sb="34" eb="40">
      <t>ジュウドホウモンカイゴ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提供責任者</t>
    <rPh sb="6" eb="8">
      <t>テイキョウ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各減算についての有無を記載してください。</t>
    <rPh sb="4" eb="5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 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 xml:space="preserve">     の減算</t>
    <phoneticPr fontId="2"/>
  </si>
  <si>
    <t xml:space="preserve">  (2)　盲ろう者向け通訳・介助員により行われる</t>
    <phoneticPr fontId="2"/>
  </si>
  <si>
    <t>　　　場合の減算</t>
    <phoneticPr fontId="2"/>
  </si>
  <si>
    <t xml:space="preserve">  (1) 基礎研修課程修了者等により行われる場合</t>
    <phoneticPr fontId="2"/>
  </si>
  <si>
    <t xml:space="preserve">  (6)  情報公表未報告減算</t>
    <rPh sb="7" eb="9">
      <t>ジョウホウ</t>
    </rPh>
    <rPh sb="9" eb="11">
      <t>コウヒョウ</t>
    </rPh>
    <rPh sb="11" eb="14">
      <t>ミホウコク</t>
    </rPh>
    <rPh sb="14" eb="16">
      <t>ゲンサン</t>
    </rPh>
    <phoneticPr fontId="2"/>
  </si>
  <si>
    <t xml:space="preserve">  (5)  業務継続計画未策定減算</t>
    <rPh sb="16" eb="18">
      <t>ゲンサン</t>
    </rPh>
    <phoneticPr fontId="2"/>
  </si>
  <si>
    <t>指定障害福祉サービス事業　運営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ウンエイ</t>
    </rPh>
    <rPh sb="15" eb="17">
      <t>シドウ</t>
    </rPh>
    <rPh sb="17" eb="19">
      <t>テイシュツ</t>
    </rPh>
    <rPh sb="19" eb="21">
      <t>シリョウ</t>
    </rPh>
    <phoneticPr fontId="2"/>
  </si>
  <si>
    <t xml:space="preserve">  (2) ２人の同行援護従事者により支援した</t>
    <rPh sb="7" eb="8">
      <t>ニン</t>
    </rPh>
    <rPh sb="9" eb="11">
      <t>ドウコウ</t>
    </rPh>
    <rPh sb="11" eb="13">
      <t>エンゴ</t>
    </rPh>
    <rPh sb="13" eb="16">
      <t>ジュウジシャ</t>
    </rPh>
    <rPh sb="19" eb="21">
      <t>シエン</t>
    </rPh>
    <phoneticPr fontId="2"/>
  </si>
  <si>
    <t>　　場合の加算</t>
    <phoneticPr fontId="2"/>
  </si>
  <si>
    <t>はい</t>
  </si>
  <si>
    <t>いいえ</t>
  </si>
  <si>
    <t>　ルアドレスを登録してありますか。</t>
    <rPh sb="7" eb="9">
      <t>トウロク</t>
    </rPh>
    <phoneticPr fontId="2"/>
  </si>
  <si>
    <t>13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2"/>
  </si>
  <si>
    <t>　(3) 区分３の利用者を支援した場合の加算</t>
    <rPh sb="5" eb="7">
      <t>クブン</t>
    </rPh>
    <rPh sb="9" eb="12">
      <t>リヨウシャ</t>
    </rPh>
    <rPh sb="13" eb="15">
      <t>シエン</t>
    </rPh>
    <rPh sb="17" eb="19">
      <t>バアイ</t>
    </rPh>
    <rPh sb="20" eb="22">
      <t>カサン</t>
    </rPh>
    <phoneticPr fontId="2"/>
  </si>
  <si>
    <t>　(4) 区分４以上の利用者を支援した場合の加算</t>
    <rPh sb="5" eb="7">
      <t>クブン</t>
    </rPh>
    <rPh sb="8" eb="10">
      <t>イジョウ</t>
    </rPh>
    <rPh sb="11" eb="14">
      <t>リヨウシャ</t>
    </rPh>
    <rPh sb="15" eb="17">
      <t>シエン</t>
    </rPh>
    <rPh sb="19" eb="21">
      <t>バアイ</t>
    </rPh>
    <rPh sb="22" eb="24">
      <t>カサン</t>
    </rPh>
    <phoneticPr fontId="2"/>
  </si>
  <si>
    <t>　(5) 夜間もしくは早朝支援加算</t>
    <rPh sb="5" eb="7">
      <t>ヤカン</t>
    </rPh>
    <rPh sb="11" eb="13">
      <t>ソウチョウ</t>
    </rPh>
    <rPh sb="13" eb="15">
      <t>シエン</t>
    </rPh>
    <rPh sb="15" eb="17">
      <t>カサン</t>
    </rPh>
    <phoneticPr fontId="2"/>
  </si>
  <si>
    <t>　(6) 深夜支援加算</t>
    <rPh sb="5" eb="7">
      <t>シンヤ</t>
    </rPh>
    <rPh sb="7" eb="9">
      <t>シエン</t>
    </rPh>
    <rPh sb="9" eb="11">
      <t>カサン</t>
    </rPh>
    <phoneticPr fontId="2"/>
  </si>
  <si>
    <t>　(7) 特定事業所加算</t>
    <rPh sb="5" eb="7">
      <t>トクテイ</t>
    </rPh>
    <rPh sb="7" eb="9">
      <t>ジギョウ</t>
    </rPh>
    <rPh sb="9" eb="10">
      <t>ショ</t>
    </rPh>
    <rPh sb="10" eb="12">
      <t>カサン</t>
    </rPh>
    <phoneticPr fontId="2"/>
  </si>
  <si>
    <t>　(8) 特別地域加算</t>
    <rPh sb="5" eb="7">
      <t>トクベツ</t>
    </rPh>
    <rPh sb="7" eb="9">
      <t>チイキ</t>
    </rPh>
    <rPh sb="9" eb="11">
      <t>カサン</t>
    </rPh>
    <phoneticPr fontId="2"/>
  </si>
  <si>
    <t>　(9) 緊急時対応加算</t>
    <rPh sb="5" eb="8">
      <t>キンキュウジ</t>
    </rPh>
    <rPh sb="8" eb="10">
      <t>タイオウ</t>
    </rPh>
    <rPh sb="10" eb="12">
      <t>カサン</t>
    </rPh>
    <phoneticPr fontId="2"/>
  </si>
  <si>
    <t xml:space="preserve">  (10) 初回加算</t>
    <phoneticPr fontId="2"/>
  </si>
  <si>
    <t>　(11) 利用者負担上限額管理加算</t>
    <phoneticPr fontId="2"/>
  </si>
  <si>
    <t>　(12) 喀痰吸引等支援体制加算</t>
    <rPh sb="6" eb="8">
      <t>カクタン</t>
    </rPh>
    <rPh sb="8" eb="11">
      <t>キュウイントウ</t>
    </rPh>
    <rPh sb="11" eb="13">
      <t>シエン</t>
    </rPh>
    <rPh sb="13" eb="15">
      <t>タイセイ</t>
    </rPh>
    <rPh sb="15" eb="17">
      <t>カサン</t>
    </rPh>
    <phoneticPr fontId="2"/>
  </si>
  <si>
    <t xml:space="preserve">  (13) 福祉・介護職員等処遇改善加算</t>
    <rPh sb="7" eb="9">
      <t>フクシ</t>
    </rPh>
    <rPh sb="10" eb="12">
      <t>カイゴ</t>
    </rPh>
    <rPh sb="12" eb="14">
      <t>ショクイン</t>
    </rPh>
    <rPh sb="14" eb="15">
      <t>トウ</t>
    </rPh>
    <rPh sb="15" eb="17">
      <t>ショグウ</t>
    </rPh>
    <rPh sb="17" eb="19">
      <t>カイゼン</t>
    </rPh>
    <rPh sb="19" eb="21">
      <t>カサン</t>
    </rPh>
    <phoneticPr fontId="2"/>
  </si>
  <si>
    <t>あり(Ⅰ・Ⅱ・Ⅲ・Ⅳ)</t>
    <phoneticPr fontId="2"/>
  </si>
  <si>
    <t xml:space="preserve">  (4)  虐待防止措置未実施減算</t>
    <rPh sb="7" eb="9">
      <t>ギャクタイ</t>
    </rPh>
    <rPh sb="9" eb="11">
      <t>ボウシ</t>
    </rPh>
    <rPh sb="11" eb="13">
      <t>ソチ</t>
    </rPh>
    <phoneticPr fontId="2"/>
  </si>
  <si>
    <r>
      <t xml:space="preserve">  (3) 身体拘束</t>
    </r>
    <r>
      <rPr>
        <sz val="12"/>
        <rFont val="ＭＳ 明朝"/>
        <family val="1"/>
        <charset val="128"/>
      </rPr>
      <t>廃止未実施減算</t>
    </r>
    <phoneticPr fontId="2"/>
  </si>
  <si>
    <t>今年度指定障害福祉サービス事業所等自己点検シート</t>
    <rPh sb="0" eb="3">
      <t>コンネンド</t>
    </rPh>
    <rPh sb="3" eb="5">
      <t>コンネンド</t>
    </rPh>
    <phoneticPr fontId="2"/>
  </si>
  <si>
    <t>今年度指定障害福祉サービス事業所等自己点検シート【同行援護】 (報酬編）</t>
    <rPh sb="0" eb="3">
      <t>コンネンド</t>
    </rPh>
    <rPh sb="25" eb="29">
      <t>ドウコウ</t>
    </rPh>
    <rPh sb="32" eb="34">
      <t>ホウシュウ</t>
    </rPh>
    <rPh sb="34" eb="35">
      <t>ヘ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trike/>
      <sz val="12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9" fillId="13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0" fillId="25" borderId="0" applyNumberFormat="0" applyBorder="0" applyAlignment="0" applyProtection="0">
      <alignment vertical="center"/>
    </xf>
    <xf numFmtId="0" fontId="10" fillId="26" borderId="0" applyNumberFormat="0" applyBorder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1" fillId="28" borderId="2" applyNumberFormat="0" applyAlignment="0" applyProtection="0">
      <alignment vertical="center"/>
    </xf>
    <xf numFmtId="0" fontId="15" fillId="29" borderId="0" applyNumberFormat="0" applyBorder="0" applyAlignment="0" applyProtection="0">
      <alignment vertical="center"/>
    </xf>
    <xf numFmtId="0" fontId="1" fillId="3" borderId="3" applyNumberFormat="0" applyFont="0" applyAlignment="0" applyProtection="0">
      <alignment vertical="center"/>
    </xf>
    <xf numFmtId="0" fontId="16" fillId="0" borderId="4" applyNumberFormat="0" applyFill="0" applyAlignment="0" applyProtection="0">
      <alignment vertical="center"/>
    </xf>
    <xf numFmtId="0" fontId="17" fillId="30" borderId="0" applyNumberFormat="0" applyBorder="0" applyAlignment="0" applyProtection="0">
      <alignment vertical="center"/>
    </xf>
    <xf numFmtId="0" fontId="18" fillId="31" borderId="5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9" fillId="0" borderId="6" applyNumberFormat="0" applyFill="0" applyAlignment="0" applyProtection="0">
      <alignment vertical="center"/>
    </xf>
    <xf numFmtId="0" fontId="20" fillId="0" borderId="7" applyNumberFormat="0" applyFill="0" applyAlignment="0" applyProtection="0">
      <alignment vertical="center"/>
    </xf>
    <xf numFmtId="0" fontId="21" fillId="0" borderId="8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13" fillId="0" borderId="9" applyNumberFormat="0" applyFill="0" applyAlignment="0" applyProtection="0">
      <alignment vertical="center"/>
    </xf>
    <xf numFmtId="0" fontId="22" fillId="31" borderId="10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2" borderId="5" applyNumberFormat="0" applyAlignment="0" applyProtection="0">
      <alignment vertical="center"/>
    </xf>
    <xf numFmtId="0" fontId="1" fillId="0" borderId="0"/>
    <xf numFmtId="0" fontId="25" fillId="32" borderId="0" applyNumberFormat="0" applyBorder="0" applyAlignment="0" applyProtection="0">
      <alignment vertical="center"/>
    </xf>
  </cellStyleXfs>
  <cellXfs count="25">
    <xf numFmtId="0" fontId="0" fillId="0" borderId="0" xfId="0" applyAlignment="1"/>
    <xf numFmtId="0" fontId="3" fillId="0" borderId="0" xfId="0" applyFont="1" applyFill="1" applyBorder="1" applyAlignment="1">
      <alignment horizontal="right" vertical="center" shrinkToFit="1"/>
    </xf>
    <xf numFmtId="0" fontId="3" fillId="0" borderId="1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Alignment="1"/>
    <xf numFmtId="0" fontId="3" fillId="0" borderId="0" xfId="0" applyFont="1" applyFill="1" applyBorder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6" fillId="0" borderId="0" xfId="0" applyFont="1" applyFill="1" applyAlignment="1">
      <alignment vertical="center"/>
    </xf>
    <xf numFmtId="0" fontId="3" fillId="0" borderId="0" xfId="0" applyFont="1" applyFill="1" applyAlignment="1">
      <alignment horizontal="right"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3" fillId="0" borderId="0" xfId="0" applyFont="1" applyFill="1" applyBorder="1" applyAlignment="1"/>
    <xf numFmtId="0" fontId="8" fillId="0" borderId="0" xfId="0" applyFont="1" applyFill="1" applyAlignment="1">
      <alignment vertical="center"/>
    </xf>
    <xf numFmtId="0" fontId="0" fillId="0" borderId="0" xfId="0" applyFont="1" applyFill="1" applyAlignment="1"/>
    <xf numFmtId="0" fontId="3" fillId="0" borderId="0" xfId="4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41" applyFont="1" applyFill="1" applyAlignment="1">
      <alignment vertical="center"/>
    </xf>
    <xf numFmtId="0" fontId="3" fillId="0" borderId="0" xfId="0" applyFont="1" applyFill="1" applyAlignment="1">
      <alignment vertical="center"/>
    </xf>
    <xf numFmtId="0" fontId="26" fillId="0" borderId="1" xfId="0" applyFont="1" applyFill="1" applyBorder="1" applyAlignment="1">
      <alignment vertical="center"/>
    </xf>
    <xf numFmtId="0" fontId="4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41" applyFont="1" applyFill="1" applyAlignment="1">
      <alignment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107"/>
  <sheetViews>
    <sheetView tabSelected="1" view="pageBreakPreview" zoomScaleNormal="100" zoomScaleSheetLayoutView="100" workbookViewId="0">
      <selection activeCell="F63" sqref="F63"/>
    </sheetView>
  </sheetViews>
  <sheetFormatPr defaultColWidth="9" defaultRowHeight="14.25" customHeight="1"/>
  <cols>
    <col min="1" max="16384" width="9" style="15"/>
  </cols>
  <sheetData>
    <row r="1" spans="1:10" s="6" customFormat="1" ht="18.75" customHeight="1">
      <c r="A1" s="21" t="s">
        <v>63</v>
      </c>
      <c r="B1" s="21"/>
      <c r="C1" s="21"/>
      <c r="D1" s="21"/>
      <c r="E1" s="21"/>
      <c r="F1" s="21"/>
      <c r="G1" s="21"/>
      <c r="H1" s="21"/>
      <c r="I1" s="21"/>
      <c r="J1" s="21"/>
    </row>
    <row r="2" spans="1:10" s="6" customFormat="1" ht="18.75" customHeight="1">
      <c r="A2" s="7"/>
      <c r="J2" s="8" t="s">
        <v>14</v>
      </c>
    </row>
    <row r="3" spans="1:10" s="19" customFormat="1" ht="14.25" customHeight="1">
      <c r="A3" s="9"/>
      <c r="J3" s="10" t="s">
        <v>20</v>
      </c>
    </row>
    <row r="4" spans="1:10" s="19" customFormat="1" ht="14.25" customHeight="1">
      <c r="A4" s="9"/>
      <c r="J4" s="10"/>
    </row>
    <row r="5" spans="1:10" s="19" customFormat="1" ht="14.25" customHeight="1">
      <c r="A5" s="19" t="s">
        <v>1</v>
      </c>
      <c r="D5" s="2"/>
      <c r="E5" s="2"/>
      <c r="F5" s="2"/>
      <c r="G5" s="2"/>
      <c r="H5" s="2"/>
      <c r="I5" s="2"/>
    </row>
    <row r="6" spans="1:10" s="19" customFormat="1" ht="14.25" customHeight="1"/>
    <row r="7" spans="1:10" s="19" customFormat="1" ht="14.25" customHeight="1">
      <c r="A7" s="19" t="s">
        <v>2</v>
      </c>
      <c r="D7" s="2" t="s">
        <v>4</v>
      </c>
      <c r="E7" s="2"/>
      <c r="F7" s="2"/>
      <c r="G7" s="2"/>
      <c r="H7" s="2"/>
      <c r="I7" s="2"/>
    </row>
    <row r="8" spans="1:10" s="19" customFormat="1" ht="14.25" customHeight="1">
      <c r="D8" s="5"/>
      <c r="E8" s="5"/>
      <c r="F8" s="5"/>
      <c r="G8" s="5"/>
      <c r="H8" s="5"/>
      <c r="I8" s="5"/>
    </row>
    <row r="9" spans="1:10" s="19" customFormat="1" ht="14.25" customHeight="1">
      <c r="D9" s="2"/>
      <c r="E9" s="2"/>
      <c r="F9" s="2"/>
      <c r="G9" s="2"/>
      <c r="H9" s="2"/>
      <c r="I9" s="2"/>
    </row>
    <row r="10" spans="1:10" s="19" customFormat="1" ht="14.25" customHeight="1"/>
    <row r="11" spans="1:10" s="19" customFormat="1" ht="14.25" customHeight="1">
      <c r="A11" s="19" t="s">
        <v>0</v>
      </c>
      <c r="D11" s="2"/>
      <c r="E11" s="2"/>
      <c r="F11" s="2"/>
      <c r="G11" s="2"/>
      <c r="H11" s="2"/>
      <c r="I11" s="2"/>
    </row>
    <row r="12" spans="1:10" s="19" customFormat="1" ht="14.25" customHeight="1"/>
    <row r="13" spans="1:10" s="19" customFormat="1" ht="14.25" customHeight="1">
      <c r="A13" s="19" t="s">
        <v>3</v>
      </c>
      <c r="D13" s="2" t="s">
        <v>4</v>
      </c>
      <c r="E13" s="2"/>
      <c r="F13" s="2"/>
      <c r="G13" s="2"/>
      <c r="H13" s="2"/>
      <c r="I13" s="2"/>
    </row>
    <row r="14" spans="1:10" s="19" customFormat="1" ht="14.25" customHeight="1">
      <c r="D14" s="5"/>
      <c r="E14" s="5"/>
      <c r="F14" s="5"/>
      <c r="G14" s="5"/>
      <c r="H14" s="5"/>
      <c r="I14" s="5"/>
    </row>
    <row r="15" spans="1:10" s="19" customFormat="1" ht="14.25" customHeight="1">
      <c r="D15" s="2"/>
      <c r="E15" s="2"/>
      <c r="F15" s="2"/>
      <c r="G15" s="2"/>
      <c r="H15" s="2"/>
      <c r="I15" s="2"/>
    </row>
    <row r="16" spans="1:10" s="19" customFormat="1" ht="14.25" customHeight="1"/>
    <row r="17" spans="1:11" s="19" customFormat="1" ht="14.25" customHeight="1">
      <c r="D17" s="2" t="s">
        <v>5</v>
      </c>
      <c r="E17" s="2"/>
      <c r="F17" s="2"/>
      <c r="G17" s="2"/>
      <c r="H17" s="2"/>
      <c r="I17" s="2"/>
    </row>
    <row r="18" spans="1:11" s="5" customFormat="1" ht="14.25" customHeight="1"/>
    <row r="19" spans="1:11" s="19" customFormat="1" ht="14.25" customHeight="1">
      <c r="D19" s="2" t="s">
        <v>6</v>
      </c>
      <c r="E19" s="2"/>
      <c r="F19" s="2"/>
      <c r="G19" s="2"/>
      <c r="H19" s="2"/>
      <c r="I19" s="2"/>
    </row>
    <row r="20" spans="1:11" s="19" customFormat="1" ht="14.25" customHeight="1"/>
    <row r="21" spans="1:11" s="11" customFormat="1" ht="14.25" customHeight="1">
      <c r="A21" s="19"/>
      <c r="B21" s="19"/>
      <c r="C21" s="19"/>
      <c r="D21" s="2" t="s">
        <v>42</v>
      </c>
      <c r="E21" s="2"/>
      <c r="F21" s="2"/>
      <c r="G21" s="2"/>
      <c r="H21" s="2"/>
      <c r="I21" s="2"/>
      <c r="J21" s="19"/>
      <c r="K21" s="19"/>
    </row>
    <row r="22" spans="1:11" s="12" customFormat="1" ht="14.25" customHeight="1">
      <c r="A22" s="5"/>
      <c r="B22" s="5"/>
      <c r="C22" s="5"/>
      <c r="D22" s="5"/>
      <c r="E22" s="5"/>
      <c r="F22" s="5"/>
      <c r="G22" s="5"/>
      <c r="H22" s="5"/>
      <c r="I22" s="5"/>
      <c r="J22" s="5"/>
      <c r="K22" s="5"/>
    </row>
    <row r="23" spans="1:11" s="12" customFormat="1" ht="14.25" customHeight="1">
      <c r="A23" s="5" t="s">
        <v>43</v>
      </c>
      <c r="B23" s="5"/>
      <c r="C23" s="5"/>
      <c r="D23" s="2"/>
      <c r="E23" s="2"/>
      <c r="F23" s="2"/>
      <c r="G23" s="2"/>
      <c r="H23" s="2"/>
      <c r="I23" s="2"/>
      <c r="J23" s="5"/>
      <c r="K23" s="5"/>
    </row>
    <row r="24" spans="1:11" s="19" customFormat="1" ht="14.25" customHeight="1"/>
    <row r="25" spans="1:11" s="19" customFormat="1" ht="14.25" customHeight="1">
      <c r="A25" s="19" t="s">
        <v>44</v>
      </c>
      <c r="D25" s="2"/>
      <c r="E25" s="2"/>
      <c r="F25" s="2"/>
      <c r="G25" s="2"/>
      <c r="H25" s="2"/>
      <c r="I25" s="2"/>
    </row>
    <row r="26" spans="1:11" s="19" customFormat="1" ht="14.25" customHeight="1"/>
    <row r="27" spans="1:11" s="19" customFormat="1" ht="14.25" customHeight="1">
      <c r="A27" s="19" t="s">
        <v>45</v>
      </c>
      <c r="D27" s="2"/>
      <c r="E27" s="2"/>
      <c r="F27" s="2"/>
      <c r="G27" s="20"/>
      <c r="H27" s="2"/>
      <c r="I27" s="2"/>
    </row>
    <row r="28" spans="1:11" s="19" customFormat="1" ht="14.25" customHeight="1">
      <c r="A28" s="19" t="s">
        <v>7</v>
      </c>
      <c r="E28" s="5"/>
      <c r="F28" s="5"/>
      <c r="G28" s="5"/>
      <c r="H28" s="5"/>
      <c r="I28" s="5"/>
    </row>
    <row r="29" spans="1:11" s="19" customFormat="1" ht="14.25" customHeight="1"/>
    <row r="30" spans="1:11" s="11" customFormat="1" ht="14.25" customHeight="1">
      <c r="A30" s="19" t="s">
        <v>46</v>
      </c>
      <c r="B30" s="19"/>
      <c r="C30" s="19"/>
      <c r="D30" s="2"/>
      <c r="E30" s="1" t="s">
        <v>10</v>
      </c>
      <c r="F30" s="2" t="s">
        <v>11</v>
      </c>
      <c r="G30" s="3" t="s">
        <v>12</v>
      </c>
      <c r="H30" s="2" t="s">
        <v>11</v>
      </c>
      <c r="I30" s="19" t="s">
        <v>13</v>
      </c>
      <c r="J30" s="19"/>
      <c r="K30" s="19"/>
    </row>
    <row r="31" spans="1:11" s="19" customFormat="1" ht="14.25" customHeight="1">
      <c r="D31" s="5"/>
    </row>
    <row r="32" spans="1:11" s="19" customFormat="1" ht="14.25" customHeight="1"/>
    <row r="33" spans="1:10" s="19" customFormat="1" ht="14">
      <c r="A33" s="4" t="s">
        <v>47</v>
      </c>
    </row>
    <row r="34" spans="1:10" s="19" customFormat="1" ht="14">
      <c r="A34" s="4"/>
    </row>
    <row r="35" spans="1:10" s="19" customFormat="1" ht="14">
      <c r="A35" s="4"/>
      <c r="F35" s="23" t="s">
        <v>18</v>
      </c>
      <c r="G35" s="23"/>
      <c r="H35" s="23"/>
      <c r="I35" s="23"/>
      <c r="J35" s="23"/>
    </row>
    <row r="36" spans="1:10" s="19" customFormat="1" ht="14">
      <c r="A36" s="4"/>
      <c r="F36" s="17"/>
      <c r="G36" s="17"/>
      <c r="H36" s="17"/>
      <c r="I36" s="17"/>
      <c r="J36" s="17"/>
    </row>
    <row r="37" spans="1:10" s="19" customFormat="1" ht="14">
      <c r="A37" s="19" t="s">
        <v>23</v>
      </c>
      <c r="G37" s="5" t="s">
        <v>8</v>
      </c>
      <c r="H37" s="5" t="s">
        <v>9</v>
      </c>
    </row>
    <row r="38" spans="1:10" s="19" customFormat="1" ht="14">
      <c r="A38" s="19" t="s">
        <v>24</v>
      </c>
      <c r="G38" s="5"/>
      <c r="H38" s="5"/>
    </row>
    <row r="39" spans="1:10" s="19" customFormat="1" ht="14">
      <c r="A39" s="19" t="s">
        <v>25</v>
      </c>
      <c r="G39" s="5"/>
      <c r="H39" s="5"/>
    </row>
    <row r="40" spans="1:10" s="19" customFormat="1" ht="14">
      <c r="G40" s="5"/>
      <c r="H40" s="5"/>
    </row>
    <row r="41" spans="1:10" s="19" customFormat="1" ht="14">
      <c r="A41" s="19" t="s">
        <v>64</v>
      </c>
      <c r="G41" s="5" t="s">
        <v>8</v>
      </c>
      <c r="H41" s="5" t="s">
        <v>9</v>
      </c>
    </row>
    <row r="42" spans="1:10" s="19" customFormat="1" ht="14">
      <c r="A42" s="19" t="s">
        <v>65</v>
      </c>
      <c r="G42" s="5"/>
      <c r="H42" s="5"/>
    </row>
    <row r="43" spans="1:10" s="19" customFormat="1" ht="14">
      <c r="G43" s="5"/>
      <c r="H43" s="5"/>
    </row>
    <row r="44" spans="1:10" s="19" customFormat="1" ht="14">
      <c r="A44" s="19" t="s">
        <v>70</v>
      </c>
      <c r="G44" s="5" t="s">
        <v>8</v>
      </c>
      <c r="H44" s="5" t="s">
        <v>9</v>
      </c>
    </row>
    <row r="45" spans="1:10" s="19" customFormat="1" ht="14">
      <c r="G45" s="5"/>
      <c r="H45" s="5"/>
    </row>
    <row r="46" spans="1:10" s="19" customFormat="1" ht="14">
      <c r="A46" s="19" t="s">
        <v>71</v>
      </c>
      <c r="G46" s="5" t="s">
        <v>8</v>
      </c>
      <c r="H46" s="5" t="s">
        <v>9</v>
      </c>
    </row>
    <row r="47" spans="1:10" s="19" customFormat="1" ht="14">
      <c r="G47" s="5"/>
      <c r="H47" s="5"/>
    </row>
    <row r="48" spans="1:10" s="19" customFormat="1" ht="14">
      <c r="A48" s="19" t="s">
        <v>72</v>
      </c>
      <c r="G48" s="5" t="s">
        <v>8</v>
      </c>
      <c r="H48" s="5" t="s">
        <v>9</v>
      </c>
    </row>
    <row r="49" spans="1:256" s="19" customFormat="1" ht="14.25" customHeight="1"/>
    <row r="50" spans="1:256" s="19" customFormat="1" ht="14">
      <c r="A50" s="19" t="s">
        <v>73</v>
      </c>
      <c r="G50" s="5" t="s">
        <v>8</v>
      </c>
      <c r="H50" s="5" t="s">
        <v>9</v>
      </c>
    </row>
    <row r="51" spans="1:256" s="19" customFormat="1" ht="14.25" customHeight="1"/>
    <row r="52" spans="1:256" s="19" customFormat="1" ht="14">
      <c r="A52" s="19" t="s">
        <v>74</v>
      </c>
      <c r="G52" s="13" t="s">
        <v>15</v>
      </c>
      <c r="H52" s="13"/>
      <c r="I52" s="13"/>
      <c r="J52" s="13" t="s">
        <v>9</v>
      </c>
    </row>
    <row r="53" spans="1:256" s="19" customFormat="1" ht="14">
      <c r="G53" s="5"/>
      <c r="H53" s="5"/>
    </row>
    <row r="54" spans="1:256" s="19" customFormat="1" ht="14">
      <c r="A54" s="19" t="s">
        <v>75</v>
      </c>
      <c r="G54" s="5" t="s">
        <v>8</v>
      </c>
      <c r="H54" s="5" t="s">
        <v>9</v>
      </c>
    </row>
    <row r="55" spans="1:256" s="19" customFormat="1" ht="14">
      <c r="G55" s="5"/>
      <c r="H55" s="5"/>
    </row>
    <row r="56" spans="1:256" s="19" customFormat="1" ht="14">
      <c r="A56" s="19" t="s">
        <v>76</v>
      </c>
      <c r="G56" s="5" t="s">
        <v>8</v>
      </c>
      <c r="H56" s="5" t="s">
        <v>9</v>
      </c>
    </row>
    <row r="57" spans="1:256" s="19" customFormat="1" ht="14">
      <c r="G57" s="5"/>
      <c r="H57" s="5"/>
    </row>
    <row r="58" spans="1:256" s="19" customFormat="1" ht="14">
      <c r="A58" s="19" t="s">
        <v>77</v>
      </c>
      <c r="G58" s="5" t="s">
        <v>8</v>
      </c>
      <c r="H58" s="5" t="s">
        <v>9</v>
      </c>
    </row>
    <row r="59" spans="1:256" s="19" customFormat="1" ht="14">
      <c r="G59" s="5"/>
      <c r="H59" s="5"/>
    </row>
    <row r="60" spans="1:256" s="19" customFormat="1" ht="14">
      <c r="A60" s="19" t="s">
        <v>78</v>
      </c>
      <c r="G60" s="5" t="s">
        <v>8</v>
      </c>
      <c r="H60" s="5" t="s">
        <v>9</v>
      </c>
    </row>
    <row r="61" spans="1:256" s="19" customFormat="1" ht="14">
      <c r="G61" s="5"/>
      <c r="H61" s="5"/>
    </row>
    <row r="62" spans="1:256" s="19" customFormat="1" ht="14">
      <c r="A62" s="22" t="s">
        <v>79</v>
      </c>
      <c r="B62" s="22"/>
      <c r="C62" s="22"/>
      <c r="D62" s="22"/>
      <c r="G62" s="5" t="s">
        <v>16</v>
      </c>
      <c r="H62" s="5" t="s">
        <v>17</v>
      </c>
    </row>
    <row r="63" spans="1:256" s="19" customFormat="1" ht="14">
      <c r="G63" s="5"/>
      <c r="H63" s="5"/>
    </row>
    <row r="64" spans="1:256" s="19" customFormat="1" ht="14">
      <c r="A64" s="24" t="s">
        <v>80</v>
      </c>
      <c r="B64" s="24"/>
      <c r="C64" s="24"/>
      <c r="D64" s="24"/>
      <c r="E64" s="24"/>
      <c r="F64" s="16"/>
      <c r="G64" s="16" t="s">
        <v>81</v>
      </c>
      <c r="H64" s="16"/>
      <c r="I64" s="16"/>
      <c r="J64" s="16" t="s">
        <v>17</v>
      </c>
      <c r="K64" s="18"/>
      <c r="L64" s="18"/>
      <c r="M64" s="18"/>
      <c r="N64" s="18"/>
      <c r="O64" s="18"/>
      <c r="P64" s="18"/>
      <c r="Q64" s="18"/>
      <c r="R64" s="18"/>
      <c r="S64" s="18"/>
      <c r="T64" s="18"/>
      <c r="U64" s="18"/>
      <c r="V64" s="18"/>
      <c r="W64" s="18"/>
      <c r="X64" s="18"/>
      <c r="Y64" s="18"/>
      <c r="Z64" s="18"/>
      <c r="AA64" s="18"/>
      <c r="AB64" s="18"/>
      <c r="AC64" s="18"/>
      <c r="AD64" s="18"/>
      <c r="AE64" s="18"/>
      <c r="AF64" s="18"/>
      <c r="AG64" s="18"/>
      <c r="AH64" s="18"/>
      <c r="AI64" s="18"/>
      <c r="AJ64" s="18"/>
      <c r="AK64" s="18"/>
      <c r="AL64" s="18"/>
      <c r="AM64" s="18"/>
      <c r="AN64" s="18"/>
      <c r="AO64" s="18"/>
      <c r="AP64" s="18"/>
      <c r="AQ64" s="18"/>
      <c r="AR64" s="18"/>
      <c r="AS64" s="18"/>
      <c r="AT64" s="18"/>
      <c r="AU64" s="18"/>
      <c r="AV64" s="18"/>
      <c r="AW64" s="18"/>
      <c r="AX64" s="18"/>
      <c r="AY64" s="18"/>
      <c r="AZ64" s="18"/>
      <c r="BA64" s="18"/>
      <c r="BB64" s="18"/>
      <c r="BC64" s="18"/>
      <c r="BD64" s="18"/>
      <c r="BE64" s="18"/>
      <c r="BF64" s="18"/>
      <c r="BG64" s="18"/>
      <c r="BH64" s="18"/>
      <c r="BI64" s="18"/>
      <c r="BJ64" s="18"/>
      <c r="BK64" s="18"/>
      <c r="BL64" s="18"/>
      <c r="BM64" s="18"/>
      <c r="BN64" s="18"/>
      <c r="BO64" s="18"/>
      <c r="BP64" s="18"/>
      <c r="BQ64" s="18"/>
      <c r="BR64" s="18"/>
      <c r="BS64" s="18"/>
      <c r="BT64" s="18"/>
      <c r="BU64" s="18"/>
      <c r="BV64" s="18"/>
      <c r="BW64" s="18"/>
      <c r="BX64" s="18"/>
      <c r="BY64" s="18"/>
      <c r="BZ64" s="18"/>
      <c r="CA64" s="18"/>
      <c r="CB64" s="18"/>
      <c r="CC64" s="18"/>
      <c r="CD64" s="18"/>
      <c r="CE64" s="18"/>
      <c r="CF64" s="18"/>
      <c r="CG64" s="18"/>
      <c r="CH64" s="18"/>
      <c r="CI64" s="18"/>
      <c r="CJ64" s="18"/>
      <c r="CK64" s="18"/>
      <c r="CL64" s="18"/>
      <c r="CM64" s="18"/>
      <c r="CN64" s="18"/>
      <c r="CO64" s="18"/>
      <c r="CP64" s="18"/>
      <c r="CQ64" s="18"/>
      <c r="CR64" s="18"/>
      <c r="CS64" s="18"/>
      <c r="CT64" s="18"/>
      <c r="CU64" s="18"/>
      <c r="CV64" s="18"/>
      <c r="CW64" s="18"/>
      <c r="CX64" s="18"/>
      <c r="CY64" s="18"/>
      <c r="CZ64" s="18"/>
      <c r="DA64" s="18"/>
      <c r="DB64" s="18"/>
      <c r="DC64" s="18"/>
      <c r="DD64" s="18"/>
      <c r="DE64" s="18"/>
      <c r="DF64" s="18"/>
      <c r="DG64" s="18"/>
      <c r="DH64" s="18"/>
      <c r="DI64" s="18"/>
      <c r="DJ64" s="18"/>
      <c r="DK64" s="18"/>
      <c r="DL64" s="18"/>
      <c r="DM64" s="18"/>
      <c r="DN64" s="18"/>
      <c r="DO64" s="18"/>
      <c r="DP64" s="18"/>
      <c r="DQ64" s="18"/>
      <c r="DR64" s="18"/>
      <c r="DS64" s="18"/>
      <c r="DT64" s="18"/>
      <c r="DU64" s="18"/>
      <c r="DV64" s="18"/>
      <c r="DW64" s="18"/>
      <c r="DX64" s="18"/>
      <c r="DY64" s="18"/>
      <c r="DZ64" s="18"/>
      <c r="EA64" s="18"/>
      <c r="EB64" s="18"/>
      <c r="EC64" s="18"/>
      <c r="ED64" s="18"/>
      <c r="EE64" s="18"/>
      <c r="EF64" s="18"/>
      <c r="EG64" s="18"/>
      <c r="EH64" s="18"/>
      <c r="EI64" s="18"/>
      <c r="EJ64" s="18"/>
      <c r="EK64" s="18"/>
      <c r="EL64" s="18"/>
      <c r="EM64" s="18"/>
      <c r="EN64" s="18"/>
      <c r="EO64" s="18"/>
      <c r="EP64" s="18"/>
      <c r="EQ64" s="18"/>
      <c r="ER64" s="18"/>
      <c r="ES64" s="18"/>
      <c r="ET64" s="18"/>
      <c r="EU64" s="18"/>
      <c r="EV64" s="18"/>
      <c r="EW64" s="18"/>
      <c r="EX64" s="18"/>
      <c r="EY64" s="18"/>
      <c r="EZ64" s="18"/>
      <c r="FA64" s="18"/>
      <c r="FB64" s="18"/>
      <c r="FC64" s="18"/>
      <c r="FD64" s="18"/>
      <c r="FE64" s="18"/>
      <c r="FF64" s="18"/>
      <c r="FG64" s="18"/>
      <c r="FH64" s="18"/>
      <c r="FI64" s="18"/>
      <c r="FJ64" s="18"/>
      <c r="FK64" s="18"/>
      <c r="FL64" s="18"/>
      <c r="FM64" s="18"/>
      <c r="FN64" s="18"/>
      <c r="FO64" s="18"/>
      <c r="FP64" s="18"/>
      <c r="FQ64" s="18"/>
      <c r="FR64" s="18"/>
      <c r="FS64" s="18"/>
      <c r="FT64" s="18"/>
      <c r="FU64" s="18"/>
      <c r="FV64" s="18"/>
      <c r="FW64" s="18"/>
      <c r="FX64" s="18"/>
      <c r="FY64" s="18"/>
      <c r="FZ64" s="18"/>
      <c r="GA64" s="18"/>
      <c r="GB64" s="18"/>
      <c r="GC64" s="18"/>
      <c r="GD64" s="18"/>
      <c r="GE64" s="18"/>
      <c r="GF64" s="18"/>
      <c r="GG64" s="18"/>
      <c r="GH64" s="18"/>
      <c r="GI64" s="18"/>
      <c r="GJ64" s="18"/>
      <c r="GK64" s="18"/>
      <c r="GL64" s="18"/>
      <c r="GM64" s="18"/>
      <c r="GN64" s="18"/>
      <c r="GO64" s="18"/>
      <c r="GP64" s="18"/>
      <c r="GQ64" s="18"/>
      <c r="GR64" s="18"/>
      <c r="GS64" s="18"/>
      <c r="GT64" s="18"/>
      <c r="GU64" s="18"/>
      <c r="GV64" s="18"/>
      <c r="GW64" s="18"/>
      <c r="GX64" s="18"/>
      <c r="GY64" s="18"/>
      <c r="GZ64" s="18"/>
      <c r="HA64" s="18"/>
      <c r="HB64" s="18"/>
      <c r="HC64" s="18"/>
      <c r="HD64" s="18"/>
      <c r="HE64" s="18"/>
      <c r="HF64" s="18"/>
      <c r="HG64" s="18"/>
      <c r="HH64" s="18"/>
      <c r="HI64" s="18"/>
      <c r="HJ64" s="18"/>
      <c r="HK64" s="18"/>
      <c r="HL64" s="18"/>
      <c r="HM64" s="18"/>
      <c r="HN64" s="18"/>
      <c r="HO64" s="18"/>
      <c r="HP64" s="18"/>
      <c r="HQ64" s="18"/>
      <c r="HR64" s="18"/>
      <c r="HS64" s="18"/>
      <c r="HT64" s="18"/>
      <c r="HU64" s="18"/>
      <c r="HV64" s="18"/>
      <c r="HW64" s="18"/>
      <c r="HX64" s="18"/>
      <c r="HY64" s="18"/>
      <c r="HZ64" s="18"/>
      <c r="IA64" s="18"/>
      <c r="IB64" s="18"/>
      <c r="IC64" s="18"/>
      <c r="ID64" s="18"/>
      <c r="IE64" s="18"/>
      <c r="IF64" s="18"/>
      <c r="IG64" s="18"/>
      <c r="IH64" s="18"/>
      <c r="II64" s="18"/>
      <c r="IJ64" s="18"/>
      <c r="IK64" s="18"/>
      <c r="IL64" s="18"/>
      <c r="IM64" s="18"/>
      <c r="IN64" s="18"/>
      <c r="IO64" s="18"/>
      <c r="IP64" s="18"/>
      <c r="IQ64" s="18"/>
      <c r="IR64" s="18"/>
      <c r="IS64" s="18"/>
      <c r="IT64" s="18"/>
      <c r="IU64" s="18"/>
      <c r="IV64" s="18"/>
    </row>
    <row r="65" spans="1:8" s="19" customFormat="1" ht="14">
      <c r="G65" s="5"/>
      <c r="H65" s="5"/>
    </row>
    <row r="66" spans="1:8" s="19" customFormat="1" ht="14.25" customHeight="1"/>
    <row r="67" spans="1:8" s="19" customFormat="1" ht="14">
      <c r="A67" s="4" t="s">
        <v>48</v>
      </c>
    </row>
    <row r="68" spans="1:8" s="19" customFormat="1" ht="14.25" customHeight="1"/>
    <row r="69" spans="1:8" s="19" customFormat="1" ht="14.25" customHeight="1">
      <c r="A69" s="19" t="s">
        <v>60</v>
      </c>
      <c r="G69" s="5" t="s">
        <v>16</v>
      </c>
      <c r="H69" s="5" t="s">
        <v>17</v>
      </c>
    </row>
    <row r="70" spans="1:8" s="19" customFormat="1" ht="14.25" customHeight="1">
      <c r="A70" s="19" t="s">
        <v>57</v>
      </c>
      <c r="G70" s="5"/>
      <c r="H70" s="5"/>
    </row>
    <row r="71" spans="1:8" s="19" customFormat="1" ht="14">
      <c r="G71" s="5"/>
      <c r="H71" s="5"/>
    </row>
    <row r="72" spans="1:8" s="19" customFormat="1" ht="14.25" customHeight="1">
      <c r="A72" s="19" t="s">
        <v>58</v>
      </c>
      <c r="G72" s="5" t="s">
        <v>21</v>
      </c>
      <c r="H72" s="5" t="s">
        <v>22</v>
      </c>
    </row>
    <row r="73" spans="1:8" s="19" customFormat="1" ht="14.25" customHeight="1">
      <c r="A73" s="19" t="s">
        <v>59</v>
      </c>
    </row>
    <row r="74" spans="1:8" s="19" customFormat="1" ht="14.25" customHeight="1"/>
    <row r="75" spans="1:8" s="19" customFormat="1" ht="14.25" customHeight="1">
      <c r="A75" s="19" t="s">
        <v>83</v>
      </c>
      <c r="G75" s="5" t="s">
        <v>16</v>
      </c>
      <c r="H75" s="5" t="s">
        <v>17</v>
      </c>
    </row>
    <row r="76" spans="1:8" s="19" customFormat="1" ht="14.25" customHeight="1">
      <c r="G76" s="5"/>
      <c r="H76" s="5"/>
    </row>
    <row r="77" spans="1:8" s="19" customFormat="1" ht="14">
      <c r="A77" s="19" t="s">
        <v>82</v>
      </c>
      <c r="G77" s="5" t="s">
        <v>16</v>
      </c>
      <c r="H77" s="5" t="s">
        <v>17</v>
      </c>
    </row>
    <row r="78" spans="1:8" s="19" customFormat="1" ht="14">
      <c r="G78" s="5"/>
      <c r="H78" s="5"/>
    </row>
    <row r="79" spans="1:8" s="19" customFormat="1" ht="14">
      <c r="A79" s="19" t="s">
        <v>62</v>
      </c>
      <c r="G79" s="5" t="s">
        <v>16</v>
      </c>
      <c r="H79" s="5" t="s">
        <v>17</v>
      </c>
    </row>
    <row r="80" spans="1:8" s="19" customFormat="1" ht="14">
      <c r="G80" s="5"/>
      <c r="H80" s="5"/>
    </row>
    <row r="81" spans="1:9" s="19" customFormat="1" ht="14">
      <c r="A81" s="19" t="s">
        <v>61</v>
      </c>
      <c r="G81" s="5" t="s">
        <v>16</v>
      </c>
      <c r="H81" s="5" t="s">
        <v>17</v>
      </c>
    </row>
    <row r="82" spans="1:9" s="19" customFormat="1" ht="14">
      <c r="G82" s="5"/>
      <c r="H82" s="5"/>
    </row>
    <row r="83" spans="1:9" s="19" customFormat="1" ht="14">
      <c r="A83" s="19" t="s">
        <v>55</v>
      </c>
      <c r="G83" s="5" t="s">
        <v>49</v>
      </c>
      <c r="H83" s="5"/>
      <c r="I83" s="19" t="s">
        <v>50</v>
      </c>
    </row>
    <row r="84" spans="1:9" s="19" customFormat="1" ht="14">
      <c r="A84" s="19" t="s">
        <v>51</v>
      </c>
      <c r="G84" s="5"/>
      <c r="H84" s="5"/>
    </row>
    <row r="85" spans="1:9" s="19" customFormat="1" ht="14">
      <c r="G85" s="5"/>
      <c r="H85" s="5"/>
    </row>
    <row r="86" spans="1:9" s="19" customFormat="1" ht="14">
      <c r="A86" s="19" t="s">
        <v>56</v>
      </c>
      <c r="G86" s="5" t="s">
        <v>52</v>
      </c>
      <c r="H86" s="5" t="s">
        <v>53</v>
      </c>
    </row>
    <row r="87" spans="1:9" s="19" customFormat="1" ht="14">
      <c r="A87" s="19" t="s">
        <v>54</v>
      </c>
      <c r="G87" s="5"/>
      <c r="H87" s="5"/>
    </row>
    <row r="88" spans="1:9" s="19" customFormat="1" ht="14">
      <c r="G88" s="5"/>
      <c r="H88" s="5"/>
    </row>
    <row r="89" spans="1:9" s="19" customFormat="1" ht="14">
      <c r="A89" s="19" t="s">
        <v>69</v>
      </c>
      <c r="G89" s="19" t="s">
        <v>66</v>
      </c>
      <c r="H89" s="5" t="s">
        <v>67</v>
      </c>
      <c r="I89" s="5"/>
    </row>
    <row r="90" spans="1:9" s="19" customFormat="1" ht="14">
      <c r="A90" s="19" t="s">
        <v>68</v>
      </c>
      <c r="G90" s="5"/>
      <c r="H90" s="5"/>
    </row>
    <row r="92" spans="1:9" s="19" customFormat="1" ht="14.25" customHeight="1">
      <c r="A92" s="19" t="s">
        <v>26</v>
      </c>
    </row>
    <row r="93" spans="1:9" s="19" customFormat="1" ht="14.25" customHeight="1"/>
    <row r="94" spans="1:9" s="19" customFormat="1" ht="14.25" customHeight="1">
      <c r="A94" s="10" t="s">
        <v>28</v>
      </c>
      <c r="B94" s="19" t="s">
        <v>84</v>
      </c>
    </row>
    <row r="95" spans="1:9" s="19" customFormat="1" ht="14.25" customHeight="1">
      <c r="A95" s="10"/>
      <c r="B95" s="14" t="s">
        <v>41</v>
      </c>
    </row>
    <row r="96" spans="1:9" s="19" customFormat="1" ht="14.25" customHeight="1">
      <c r="A96" s="10" t="s">
        <v>29</v>
      </c>
      <c r="B96" s="19" t="s">
        <v>85</v>
      </c>
    </row>
    <row r="97" spans="1:2" s="19" customFormat="1" ht="14.25" customHeight="1">
      <c r="A97" s="10" t="s">
        <v>29</v>
      </c>
      <c r="B97" s="19" t="s">
        <v>32</v>
      </c>
    </row>
    <row r="98" spans="1:2" s="19" customFormat="1" ht="14.25" customHeight="1">
      <c r="A98" s="10" t="s">
        <v>29</v>
      </c>
      <c r="B98" s="19" t="s">
        <v>30</v>
      </c>
    </row>
    <row r="99" spans="1:2" s="19" customFormat="1" ht="14.25" customHeight="1">
      <c r="A99" s="10" t="s">
        <v>29</v>
      </c>
      <c r="B99" s="19" t="s">
        <v>31</v>
      </c>
    </row>
    <row r="100" spans="1:2" s="19" customFormat="1" ht="14.25" customHeight="1">
      <c r="A100" s="10" t="s">
        <v>27</v>
      </c>
      <c r="B100" s="19" t="s">
        <v>33</v>
      </c>
    </row>
    <row r="101" spans="1:2" s="19" customFormat="1" ht="14.25" customHeight="1">
      <c r="A101" s="10" t="s">
        <v>29</v>
      </c>
      <c r="B101" s="19" t="s">
        <v>34</v>
      </c>
    </row>
    <row r="102" spans="1:2" s="19" customFormat="1" ht="14.25" customHeight="1">
      <c r="A102" s="10" t="s">
        <v>27</v>
      </c>
      <c r="B102" s="19" t="s">
        <v>35</v>
      </c>
    </row>
    <row r="103" spans="1:2" s="19" customFormat="1" ht="14.25" customHeight="1">
      <c r="A103" s="10" t="s">
        <v>36</v>
      </c>
      <c r="B103" s="19" t="s">
        <v>37</v>
      </c>
    </row>
    <row r="104" spans="1:2" s="19" customFormat="1" ht="14.25" customHeight="1">
      <c r="A104" s="10" t="s">
        <v>38</v>
      </c>
      <c r="B104" s="19" t="s">
        <v>39</v>
      </c>
    </row>
    <row r="105" spans="1:2" s="19" customFormat="1" ht="14.25" customHeight="1">
      <c r="A105" s="10" t="s">
        <v>29</v>
      </c>
      <c r="B105" s="19" t="s">
        <v>40</v>
      </c>
    </row>
    <row r="107" spans="1:2" s="19" customFormat="1" ht="14">
      <c r="A107" s="19" t="s">
        <v>19</v>
      </c>
    </row>
  </sheetData>
  <mergeCells count="4">
    <mergeCell ref="A1:J1"/>
    <mergeCell ref="A62:D62"/>
    <mergeCell ref="F35:J35"/>
    <mergeCell ref="A64:E64"/>
  </mergeCells>
  <phoneticPr fontId="2"/>
  <pageMargins left="0.78740157480314965" right="0.39370078740157483" top="0.59055118110236227" bottom="0.59055118110236227" header="0.51181102362204722" footer="0.11811023622047245"/>
  <pageSetup paperSize="9" scale="96" orientation="portrait" blackAndWhite="1" r:id="rId1"/>
  <headerFooter alignWithMargins="0">
    <oddFooter>&amp;C&amp;P</oddFooter>
  </headerFooter>
  <rowBreaks count="1" manualBreakCount="1">
    <brk id="58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同行</vt:lpstr>
      <vt:lpstr>同行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user</cp:lastModifiedBy>
  <cp:revision>0</cp:revision>
  <cp:lastPrinted>2025-07-30T02:28:53Z</cp:lastPrinted>
  <dcterms:created xsi:type="dcterms:W3CDTF">1601-01-01T00:00:00Z</dcterms:created>
  <dcterms:modified xsi:type="dcterms:W3CDTF">2025-08-05T08:26:21Z</dcterms:modified>
  <cp:category/>
</cp:coreProperties>
</file>